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4-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4-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pijnackernootdorp/"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BA40DE3D-5EC4-E8F1-CF77-692C3435161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094514"/>
            <a:ext cx="2555018" cy="154323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A55704CA-756A-BEAB-BFCF-6C98C7D4A1C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93689" y="4252685"/>
            <a:ext cx="1757241" cy="106137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6-24T10:17:58Z</dcterms:modified>
</cp:coreProperties>
</file>